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6"/>
    <p:sldMasterId id="2147483693" r:id="rId7"/>
  </p:sldMasterIdLst>
  <p:notesMasterIdLst>
    <p:notesMasterId r:id="rId10"/>
  </p:notesMasterIdLst>
  <p:sldIdLst>
    <p:sldId id="304" r:id="rId8"/>
    <p:sldId id="306" r:id="rId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1355D7D-A53B-4EE1-BBE5-B24B7A4D7EEC}" v="1" dt="2026-03-05T08:31:27.523"/>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62" autoAdjust="0"/>
  </p:normalViewPr>
  <p:slideViewPr>
    <p:cSldViewPr snapToGrid="0" showGuides="1">
      <p:cViewPr varScale="1">
        <p:scale>
          <a:sx n="71" d="100"/>
          <a:sy n="71" d="100"/>
        </p:scale>
        <p:origin x="188" y="52"/>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lideMaster" Target="slideMasters/slideMaster2.xml"/><Relationship Id="rId12" Type="http://schemas.openxmlformats.org/officeDocument/2006/relationships/viewProps" Target="viewProps.xml"/><Relationship Id="rId2" Type="http://schemas.openxmlformats.org/officeDocument/2006/relationships/customXml" Target="../customXml/item2.xml"/><Relationship Id="rId16"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presProps" Target="presProps.xml"/><Relationship Id="rId5" Type="http://schemas.openxmlformats.org/officeDocument/2006/relationships/customXml" Target="../customXml/item5.xml"/><Relationship Id="rId15" Type="http://schemas.microsoft.com/office/2016/11/relationships/changesInfo" Target="changesInfos/changesInfo1.xml"/><Relationship Id="rId10"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Luise Thuesen Marling" userId="3fe20554-363b-45bb-af3a-7cfafbc055c6" providerId="ADAL" clId="{C7B8694C-D109-4AE7-8FE0-43B5E02A710F}"/>
    <pc:docChg chg="custSel modSld modMainMaster">
      <pc:chgData name="Luise Thuesen Marling" userId="3fe20554-363b-45bb-af3a-7cfafbc055c6" providerId="ADAL" clId="{C7B8694C-D109-4AE7-8FE0-43B5E02A710F}" dt="2026-03-06T07:27:43.605" v="132" actId="20577"/>
      <pc:docMkLst>
        <pc:docMk/>
      </pc:docMkLst>
      <pc:sldChg chg="modSp mod">
        <pc:chgData name="Luise Thuesen Marling" userId="3fe20554-363b-45bb-af3a-7cfafbc055c6" providerId="ADAL" clId="{C7B8694C-D109-4AE7-8FE0-43B5E02A710F}" dt="2026-03-06T07:27:35.019" v="126" actId="20577"/>
        <pc:sldMkLst>
          <pc:docMk/>
          <pc:sldMk cId="1179642873" sldId="304"/>
        </pc:sldMkLst>
        <pc:spChg chg="mod">
          <ac:chgData name="Luise Thuesen Marling" userId="3fe20554-363b-45bb-af3a-7cfafbc055c6" providerId="ADAL" clId="{C7B8694C-D109-4AE7-8FE0-43B5E02A710F}" dt="2026-03-06T07:27:35.019" v="126" actId="20577"/>
          <ac:spMkLst>
            <pc:docMk/>
            <pc:sldMk cId="1179642873" sldId="304"/>
            <ac:spMk id="3" creationId="{A9A70016-160F-27D3-194E-9C3197DF9992}"/>
          </ac:spMkLst>
        </pc:spChg>
      </pc:sldChg>
      <pc:sldChg chg="modSp mod">
        <pc:chgData name="Luise Thuesen Marling" userId="3fe20554-363b-45bb-af3a-7cfafbc055c6" providerId="ADAL" clId="{C7B8694C-D109-4AE7-8FE0-43B5E02A710F}" dt="2026-03-06T07:27:43.605" v="132" actId="20577"/>
        <pc:sldMkLst>
          <pc:docMk/>
          <pc:sldMk cId="2315879265" sldId="306"/>
        </pc:sldMkLst>
        <pc:spChg chg="mod">
          <ac:chgData name="Luise Thuesen Marling" userId="3fe20554-363b-45bb-af3a-7cfafbc055c6" providerId="ADAL" clId="{C7B8694C-D109-4AE7-8FE0-43B5E02A710F}" dt="2026-03-06T07:27:43.605" v="132" actId="20577"/>
          <ac:spMkLst>
            <pc:docMk/>
            <pc:sldMk cId="2315879265" sldId="306"/>
            <ac:spMk id="4" creationId="{BE9D2282-31AA-EF2C-2250-DE3C12A62308}"/>
          </ac:spMkLst>
        </pc:spChg>
      </pc:sldChg>
      <pc:sldMasterChg chg="modSp mod modSldLayout">
        <pc:chgData name="Luise Thuesen Marling" userId="3fe20554-363b-45bb-af3a-7cfafbc055c6" providerId="ADAL" clId="{C7B8694C-D109-4AE7-8FE0-43B5E02A710F}" dt="2026-03-06T07:27:21.084" v="119" actId="139"/>
        <pc:sldMasterMkLst>
          <pc:docMk/>
          <pc:sldMasterMk cId="2982994778" sldId="2147483693"/>
        </pc:sldMasterMkLst>
        <pc:spChg chg="mod">
          <ac:chgData name="Luise Thuesen Marling" userId="3fe20554-363b-45bb-af3a-7cfafbc055c6" providerId="ADAL" clId="{C7B8694C-D109-4AE7-8FE0-43B5E02A710F}" dt="2026-03-06T07:27:20.948" v="91" actId="139"/>
          <ac:spMkLst>
            <pc:docMk/>
            <pc:sldMasterMk cId="2982994778" sldId="2147483693"/>
            <ac:spMk id="17" creationId="{9ED68219-402C-1844-B56E-D8437E3F6CCE}"/>
          </ac:spMkLst>
        </pc:spChg>
        <pc:sldLayoutChg chg="modSp mod">
          <pc:chgData name="Luise Thuesen Marling" userId="3fe20554-363b-45bb-af3a-7cfafbc055c6" providerId="ADAL" clId="{C7B8694C-D109-4AE7-8FE0-43B5E02A710F}" dt="2026-03-06T07:27:20.958" v="93" actId="139"/>
          <pc:sldLayoutMkLst>
            <pc:docMk/>
            <pc:sldMasterMk cId="2982994778" sldId="2147483693"/>
            <pc:sldLayoutMk cId="2456683303" sldId="2147483694"/>
          </pc:sldLayoutMkLst>
          <pc:spChg chg="mod">
            <ac:chgData name="Luise Thuesen Marling" userId="3fe20554-363b-45bb-af3a-7cfafbc055c6" providerId="ADAL" clId="{C7B8694C-D109-4AE7-8FE0-43B5E02A710F}" dt="2026-03-06T07:27:20.958" v="93" actId="139"/>
            <ac:spMkLst>
              <pc:docMk/>
              <pc:sldMasterMk cId="2982994778" sldId="2147483693"/>
              <pc:sldLayoutMk cId="2456683303" sldId="2147483694"/>
              <ac:spMk id="19" creationId="{798A0BF4-9AE6-B247-94A9-405B5DB77A2A}"/>
            </ac:spMkLst>
          </pc:spChg>
        </pc:sldLayoutChg>
        <pc:sldLayoutChg chg="modSp mod">
          <pc:chgData name="Luise Thuesen Marling" userId="3fe20554-363b-45bb-af3a-7cfafbc055c6" providerId="ADAL" clId="{C7B8694C-D109-4AE7-8FE0-43B5E02A710F}" dt="2026-03-06T07:27:20.968" v="95" actId="139"/>
          <pc:sldLayoutMkLst>
            <pc:docMk/>
            <pc:sldMasterMk cId="2982994778" sldId="2147483693"/>
            <pc:sldLayoutMk cId="1902919470" sldId="2147483695"/>
          </pc:sldLayoutMkLst>
          <pc:spChg chg="mod">
            <ac:chgData name="Luise Thuesen Marling" userId="3fe20554-363b-45bb-af3a-7cfafbc055c6" providerId="ADAL" clId="{C7B8694C-D109-4AE7-8FE0-43B5E02A710F}" dt="2026-03-06T07:27:20.968" v="95" actId="139"/>
            <ac:spMkLst>
              <pc:docMk/>
              <pc:sldMasterMk cId="2982994778" sldId="2147483693"/>
              <pc:sldLayoutMk cId="1902919470" sldId="2147483695"/>
              <ac:spMk id="6" creationId="{9C3851C6-E0ED-8AFC-487C-1DD8E2CECF88}"/>
            </ac:spMkLst>
          </pc:spChg>
        </pc:sldLayoutChg>
        <pc:sldLayoutChg chg="modSp mod">
          <pc:chgData name="Luise Thuesen Marling" userId="3fe20554-363b-45bb-af3a-7cfafbc055c6" providerId="ADAL" clId="{C7B8694C-D109-4AE7-8FE0-43B5E02A710F}" dt="2026-03-06T07:27:20.978" v="97" actId="139"/>
          <pc:sldLayoutMkLst>
            <pc:docMk/>
            <pc:sldMasterMk cId="2982994778" sldId="2147483693"/>
            <pc:sldLayoutMk cId="3619336802" sldId="2147483696"/>
          </pc:sldLayoutMkLst>
          <pc:spChg chg="mod">
            <ac:chgData name="Luise Thuesen Marling" userId="3fe20554-363b-45bb-af3a-7cfafbc055c6" providerId="ADAL" clId="{C7B8694C-D109-4AE7-8FE0-43B5E02A710F}" dt="2026-03-06T07:27:20.978" v="97" actId="139"/>
            <ac:spMkLst>
              <pc:docMk/>
              <pc:sldMasterMk cId="2982994778" sldId="2147483693"/>
              <pc:sldLayoutMk cId="3619336802" sldId="2147483696"/>
              <ac:spMk id="15" creationId="{692253F6-301E-3071-2381-D62F990D070B}"/>
            </ac:spMkLst>
          </pc:spChg>
        </pc:sldLayoutChg>
        <pc:sldLayoutChg chg="modSp mod">
          <pc:chgData name="Luise Thuesen Marling" userId="3fe20554-363b-45bb-af3a-7cfafbc055c6" providerId="ADAL" clId="{C7B8694C-D109-4AE7-8FE0-43B5E02A710F}" dt="2026-03-06T07:27:20.986" v="99" actId="139"/>
          <pc:sldLayoutMkLst>
            <pc:docMk/>
            <pc:sldMasterMk cId="2982994778" sldId="2147483693"/>
            <pc:sldLayoutMk cId="3227879079" sldId="2147483697"/>
          </pc:sldLayoutMkLst>
          <pc:spChg chg="mod">
            <ac:chgData name="Luise Thuesen Marling" userId="3fe20554-363b-45bb-af3a-7cfafbc055c6" providerId="ADAL" clId="{C7B8694C-D109-4AE7-8FE0-43B5E02A710F}" dt="2026-03-06T07:27:20.986" v="99" actId="139"/>
            <ac:spMkLst>
              <pc:docMk/>
              <pc:sldMasterMk cId="2982994778" sldId="2147483693"/>
              <pc:sldLayoutMk cId="3227879079" sldId="2147483697"/>
              <ac:spMk id="10" creationId="{4E3189C8-C733-92C6-E536-A0ECFE4AE986}"/>
            </ac:spMkLst>
          </pc:spChg>
        </pc:sldLayoutChg>
        <pc:sldLayoutChg chg="modSp mod">
          <pc:chgData name="Luise Thuesen Marling" userId="3fe20554-363b-45bb-af3a-7cfafbc055c6" providerId="ADAL" clId="{C7B8694C-D109-4AE7-8FE0-43B5E02A710F}" dt="2026-03-06T07:27:20.996" v="101" actId="139"/>
          <pc:sldLayoutMkLst>
            <pc:docMk/>
            <pc:sldMasterMk cId="2982994778" sldId="2147483693"/>
            <pc:sldLayoutMk cId="69167881" sldId="2147483698"/>
          </pc:sldLayoutMkLst>
          <pc:spChg chg="mod">
            <ac:chgData name="Luise Thuesen Marling" userId="3fe20554-363b-45bb-af3a-7cfafbc055c6" providerId="ADAL" clId="{C7B8694C-D109-4AE7-8FE0-43B5E02A710F}" dt="2026-03-06T07:27:20.996" v="101" actId="139"/>
            <ac:spMkLst>
              <pc:docMk/>
              <pc:sldMasterMk cId="2982994778" sldId="2147483693"/>
              <pc:sldLayoutMk cId="69167881" sldId="2147483698"/>
              <ac:spMk id="9" creationId="{B6E1E268-25B0-3F99-5BEA-7E49E46EC128}"/>
            </ac:spMkLst>
          </pc:spChg>
        </pc:sldLayoutChg>
        <pc:sldLayoutChg chg="modSp mod">
          <pc:chgData name="Luise Thuesen Marling" userId="3fe20554-363b-45bb-af3a-7cfafbc055c6" providerId="ADAL" clId="{C7B8694C-D109-4AE7-8FE0-43B5E02A710F}" dt="2026-03-06T07:27:21.005" v="103" actId="139"/>
          <pc:sldLayoutMkLst>
            <pc:docMk/>
            <pc:sldMasterMk cId="2982994778" sldId="2147483693"/>
            <pc:sldLayoutMk cId="2307624670" sldId="2147483699"/>
          </pc:sldLayoutMkLst>
          <pc:spChg chg="mod">
            <ac:chgData name="Luise Thuesen Marling" userId="3fe20554-363b-45bb-af3a-7cfafbc055c6" providerId="ADAL" clId="{C7B8694C-D109-4AE7-8FE0-43B5E02A710F}" dt="2026-03-06T07:27:21.005" v="103" actId="139"/>
            <ac:spMkLst>
              <pc:docMk/>
              <pc:sldMasterMk cId="2982994778" sldId="2147483693"/>
              <pc:sldLayoutMk cId="2307624670" sldId="2147483699"/>
              <ac:spMk id="12" creationId="{AE0B67AE-F894-270E-19AE-0E164AF0B2D3}"/>
            </ac:spMkLst>
          </pc:spChg>
        </pc:sldLayoutChg>
        <pc:sldLayoutChg chg="modSp mod">
          <pc:chgData name="Luise Thuesen Marling" userId="3fe20554-363b-45bb-af3a-7cfafbc055c6" providerId="ADAL" clId="{C7B8694C-D109-4AE7-8FE0-43B5E02A710F}" dt="2026-03-06T07:27:21.015" v="105" actId="139"/>
          <pc:sldLayoutMkLst>
            <pc:docMk/>
            <pc:sldMasterMk cId="2982994778" sldId="2147483693"/>
            <pc:sldLayoutMk cId="2998280238" sldId="2147483700"/>
          </pc:sldLayoutMkLst>
          <pc:spChg chg="mod">
            <ac:chgData name="Luise Thuesen Marling" userId="3fe20554-363b-45bb-af3a-7cfafbc055c6" providerId="ADAL" clId="{C7B8694C-D109-4AE7-8FE0-43B5E02A710F}" dt="2026-03-06T07:27:21.015" v="105" actId="139"/>
            <ac:spMkLst>
              <pc:docMk/>
              <pc:sldMasterMk cId="2982994778" sldId="2147483693"/>
              <pc:sldLayoutMk cId="2998280238" sldId="2147483700"/>
              <ac:spMk id="7" creationId="{B15EA452-05B4-A751-51B4-E13FBF8D2D74}"/>
            </ac:spMkLst>
          </pc:spChg>
        </pc:sldLayoutChg>
        <pc:sldLayoutChg chg="modSp mod">
          <pc:chgData name="Luise Thuesen Marling" userId="3fe20554-363b-45bb-af3a-7cfafbc055c6" providerId="ADAL" clId="{C7B8694C-D109-4AE7-8FE0-43B5E02A710F}" dt="2026-03-06T07:27:21.021" v="107" actId="139"/>
          <pc:sldLayoutMkLst>
            <pc:docMk/>
            <pc:sldMasterMk cId="2982994778" sldId="2147483693"/>
            <pc:sldLayoutMk cId="3853983724" sldId="2147483701"/>
          </pc:sldLayoutMkLst>
          <pc:spChg chg="mod">
            <ac:chgData name="Luise Thuesen Marling" userId="3fe20554-363b-45bb-af3a-7cfafbc055c6" providerId="ADAL" clId="{C7B8694C-D109-4AE7-8FE0-43B5E02A710F}" dt="2026-03-06T07:27:21.021" v="107" actId="139"/>
            <ac:spMkLst>
              <pc:docMk/>
              <pc:sldMasterMk cId="2982994778" sldId="2147483693"/>
              <pc:sldLayoutMk cId="3853983724" sldId="2147483701"/>
              <ac:spMk id="17" creationId="{A5270570-9971-D098-6A3A-73ADF809AC56}"/>
            </ac:spMkLst>
          </pc:spChg>
        </pc:sldLayoutChg>
        <pc:sldLayoutChg chg="modSp mod">
          <pc:chgData name="Luise Thuesen Marling" userId="3fe20554-363b-45bb-af3a-7cfafbc055c6" providerId="ADAL" clId="{C7B8694C-D109-4AE7-8FE0-43B5E02A710F}" dt="2026-03-06T07:27:21.033" v="109" actId="139"/>
          <pc:sldLayoutMkLst>
            <pc:docMk/>
            <pc:sldMasterMk cId="2982994778" sldId="2147483693"/>
            <pc:sldLayoutMk cId="2312964953" sldId="2147483702"/>
          </pc:sldLayoutMkLst>
          <pc:spChg chg="mod">
            <ac:chgData name="Luise Thuesen Marling" userId="3fe20554-363b-45bb-af3a-7cfafbc055c6" providerId="ADAL" clId="{C7B8694C-D109-4AE7-8FE0-43B5E02A710F}" dt="2026-03-06T07:27:21.033" v="109" actId="139"/>
            <ac:spMkLst>
              <pc:docMk/>
              <pc:sldMasterMk cId="2982994778" sldId="2147483693"/>
              <pc:sldLayoutMk cId="2312964953" sldId="2147483702"/>
              <ac:spMk id="16" creationId="{0F2E7AB3-CD7C-9947-4E57-15C225D9CEA2}"/>
            </ac:spMkLst>
          </pc:spChg>
        </pc:sldLayoutChg>
        <pc:sldLayoutChg chg="modSp mod">
          <pc:chgData name="Luise Thuesen Marling" userId="3fe20554-363b-45bb-af3a-7cfafbc055c6" providerId="ADAL" clId="{C7B8694C-D109-4AE7-8FE0-43B5E02A710F}" dt="2026-03-06T07:27:21.044" v="111" actId="139"/>
          <pc:sldLayoutMkLst>
            <pc:docMk/>
            <pc:sldMasterMk cId="2982994778" sldId="2147483693"/>
            <pc:sldLayoutMk cId="2126171720" sldId="2147483703"/>
          </pc:sldLayoutMkLst>
          <pc:spChg chg="mod">
            <ac:chgData name="Luise Thuesen Marling" userId="3fe20554-363b-45bb-af3a-7cfafbc055c6" providerId="ADAL" clId="{C7B8694C-D109-4AE7-8FE0-43B5E02A710F}" dt="2026-03-06T07:27:21.044" v="111" actId="139"/>
            <ac:spMkLst>
              <pc:docMk/>
              <pc:sldMasterMk cId="2982994778" sldId="2147483693"/>
              <pc:sldLayoutMk cId="2126171720" sldId="2147483703"/>
              <ac:spMk id="16" creationId="{6AA6A1BD-0215-BC40-A001-EB01D935E842}"/>
            </ac:spMkLst>
          </pc:spChg>
        </pc:sldLayoutChg>
        <pc:sldLayoutChg chg="modSp mod">
          <pc:chgData name="Luise Thuesen Marling" userId="3fe20554-363b-45bb-af3a-7cfafbc055c6" providerId="ADAL" clId="{C7B8694C-D109-4AE7-8FE0-43B5E02A710F}" dt="2026-03-06T07:27:21.054" v="113" actId="139"/>
          <pc:sldLayoutMkLst>
            <pc:docMk/>
            <pc:sldMasterMk cId="2982994778" sldId="2147483693"/>
            <pc:sldLayoutMk cId="65745737" sldId="2147483704"/>
          </pc:sldLayoutMkLst>
          <pc:spChg chg="mod">
            <ac:chgData name="Luise Thuesen Marling" userId="3fe20554-363b-45bb-af3a-7cfafbc055c6" providerId="ADAL" clId="{C7B8694C-D109-4AE7-8FE0-43B5E02A710F}" dt="2026-03-06T07:27:21.054" v="113" actId="139"/>
            <ac:spMkLst>
              <pc:docMk/>
              <pc:sldMasterMk cId="2982994778" sldId="2147483693"/>
              <pc:sldLayoutMk cId="65745737" sldId="2147483704"/>
              <ac:spMk id="16" creationId="{F123D66E-C740-891E-EE32-86B342CB0549}"/>
            </ac:spMkLst>
          </pc:spChg>
        </pc:sldLayoutChg>
        <pc:sldLayoutChg chg="modSp mod">
          <pc:chgData name="Luise Thuesen Marling" userId="3fe20554-363b-45bb-af3a-7cfafbc055c6" providerId="ADAL" clId="{C7B8694C-D109-4AE7-8FE0-43B5E02A710F}" dt="2026-03-06T07:27:21.064" v="115" actId="139"/>
          <pc:sldLayoutMkLst>
            <pc:docMk/>
            <pc:sldMasterMk cId="2982994778" sldId="2147483693"/>
            <pc:sldLayoutMk cId="3611406035" sldId="2147483705"/>
          </pc:sldLayoutMkLst>
          <pc:spChg chg="mod">
            <ac:chgData name="Luise Thuesen Marling" userId="3fe20554-363b-45bb-af3a-7cfafbc055c6" providerId="ADAL" clId="{C7B8694C-D109-4AE7-8FE0-43B5E02A710F}" dt="2026-03-06T07:27:21.064" v="115" actId="139"/>
            <ac:spMkLst>
              <pc:docMk/>
              <pc:sldMasterMk cId="2982994778" sldId="2147483693"/>
              <pc:sldLayoutMk cId="3611406035" sldId="2147483705"/>
              <ac:spMk id="8" creationId="{5803091C-FBAC-06FB-9F65-E834CC6FDE66}"/>
            </ac:spMkLst>
          </pc:spChg>
        </pc:sldLayoutChg>
        <pc:sldLayoutChg chg="modSp mod">
          <pc:chgData name="Luise Thuesen Marling" userId="3fe20554-363b-45bb-af3a-7cfafbc055c6" providerId="ADAL" clId="{C7B8694C-D109-4AE7-8FE0-43B5E02A710F}" dt="2026-03-06T07:27:21.074" v="117" actId="139"/>
          <pc:sldLayoutMkLst>
            <pc:docMk/>
            <pc:sldMasterMk cId="2982994778" sldId="2147483693"/>
            <pc:sldLayoutMk cId="3720992659" sldId="2147483706"/>
          </pc:sldLayoutMkLst>
          <pc:spChg chg="mod">
            <ac:chgData name="Luise Thuesen Marling" userId="3fe20554-363b-45bb-af3a-7cfafbc055c6" providerId="ADAL" clId="{C7B8694C-D109-4AE7-8FE0-43B5E02A710F}" dt="2026-03-06T07:27:21.074" v="117" actId="139"/>
            <ac:spMkLst>
              <pc:docMk/>
              <pc:sldMasterMk cId="2982994778" sldId="2147483693"/>
              <pc:sldLayoutMk cId="3720992659" sldId="2147483706"/>
              <ac:spMk id="12" creationId="{DD8D5AAF-ADD4-7965-20E1-CAD60C11F790}"/>
            </ac:spMkLst>
          </pc:spChg>
        </pc:sldLayoutChg>
        <pc:sldLayoutChg chg="modSp mod">
          <pc:chgData name="Luise Thuesen Marling" userId="3fe20554-363b-45bb-af3a-7cfafbc055c6" providerId="ADAL" clId="{C7B8694C-D109-4AE7-8FE0-43B5E02A710F}" dt="2026-03-06T07:27:21.084" v="119" actId="139"/>
          <pc:sldLayoutMkLst>
            <pc:docMk/>
            <pc:sldMasterMk cId="2982994778" sldId="2147483693"/>
            <pc:sldLayoutMk cId="482427051" sldId="2147483707"/>
          </pc:sldLayoutMkLst>
          <pc:spChg chg="mod">
            <ac:chgData name="Luise Thuesen Marling" userId="3fe20554-363b-45bb-af3a-7cfafbc055c6" providerId="ADAL" clId="{C7B8694C-D109-4AE7-8FE0-43B5E02A710F}" dt="2026-03-06T07:27:21.084" v="119" actId="139"/>
            <ac:spMkLst>
              <pc:docMk/>
              <pc:sldMasterMk cId="2982994778" sldId="2147483693"/>
              <pc:sldLayoutMk cId="482427051" sldId="2147483707"/>
              <ac:spMk id="9" creationId="{91B24A03-A9DC-8214-B212-7BEC0B19CAD0}"/>
            </ac:spMkLst>
          </pc:spChg>
        </pc:sldLayoutChg>
      </pc:sldMasterChg>
    </pc:docChg>
  </pc:docChgLst>
  <pc:docChgLst>
    <pc:chgData name="Susanne Pia Arnsted" userId="768bffe2-5221-45f4-9c7d-71fe7f4f06f5" providerId="ADAL" clId="{8FF0390E-C020-4517-81ED-BF99BCC7699E}"/>
    <pc:docChg chg="custSel modMainMaster">
      <pc:chgData name="Susanne Pia Arnsted" userId="768bffe2-5221-45f4-9c7d-71fe7f4f06f5" providerId="ADAL" clId="{8FF0390E-C020-4517-81ED-BF99BCC7699E}" dt="2026-03-05T08:07:22.281" v="29" actId="139"/>
      <pc:docMkLst>
        <pc:docMk/>
      </pc:docMkLst>
      <pc:sldMasterChg chg="modSp mod modSldLayout">
        <pc:chgData name="Susanne Pia Arnsted" userId="768bffe2-5221-45f4-9c7d-71fe7f4f06f5" providerId="ADAL" clId="{8FF0390E-C020-4517-81ED-BF99BCC7699E}" dt="2026-03-05T08:07:22.281" v="29" actId="139"/>
        <pc:sldMasterMkLst>
          <pc:docMk/>
          <pc:sldMasterMk cId="2982994778" sldId="2147483693"/>
        </pc:sldMasterMkLst>
        <pc:spChg chg="mod">
          <ac:chgData name="Susanne Pia Arnsted" userId="768bffe2-5221-45f4-9c7d-71fe7f4f06f5" providerId="ADAL" clId="{8FF0390E-C020-4517-81ED-BF99BCC7699E}" dt="2026-03-05T08:07:22.222" v="1" actId="139"/>
          <ac:spMkLst>
            <pc:docMk/>
            <pc:sldMasterMk cId="2982994778" sldId="2147483693"/>
            <ac:spMk id="17" creationId="{9ED68219-402C-1844-B56E-D8437E3F6CCE}"/>
          </ac:spMkLst>
        </pc:spChg>
        <pc:sldLayoutChg chg="modSp mod">
          <pc:chgData name="Susanne Pia Arnsted" userId="768bffe2-5221-45f4-9c7d-71fe7f4f06f5" providerId="ADAL" clId="{8FF0390E-C020-4517-81ED-BF99BCC7699E}" dt="2026-03-05T08:07:22.229" v="3" actId="139"/>
          <pc:sldLayoutMkLst>
            <pc:docMk/>
            <pc:sldMasterMk cId="2982994778" sldId="2147483693"/>
            <pc:sldLayoutMk cId="2456683303" sldId="2147483694"/>
          </pc:sldLayoutMkLst>
          <pc:spChg chg="mod">
            <ac:chgData name="Susanne Pia Arnsted" userId="768bffe2-5221-45f4-9c7d-71fe7f4f06f5" providerId="ADAL" clId="{8FF0390E-C020-4517-81ED-BF99BCC7699E}" dt="2026-03-05T08:07:22.229" v="3" actId="139"/>
            <ac:spMkLst>
              <pc:docMk/>
              <pc:sldMasterMk cId="2982994778" sldId="2147483693"/>
              <pc:sldLayoutMk cId="2456683303" sldId="2147483694"/>
              <ac:spMk id="19" creationId="{798A0BF4-9AE6-B247-94A9-405B5DB77A2A}"/>
            </ac:spMkLst>
          </pc:spChg>
        </pc:sldLayoutChg>
        <pc:sldLayoutChg chg="modSp mod">
          <pc:chgData name="Susanne Pia Arnsted" userId="768bffe2-5221-45f4-9c7d-71fe7f4f06f5" providerId="ADAL" clId="{8FF0390E-C020-4517-81ED-BF99BCC7699E}" dt="2026-03-05T08:07:22.233" v="5" actId="139"/>
          <pc:sldLayoutMkLst>
            <pc:docMk/>
            <pc:sldMasterMk cId="2982994778" sldId="2147483693"/>
            <pc:sldLayoutMk cId="1902919470" sldId="2147483695"/>
          </pc:sldLayoutMkLst>
          <pc:spChg chg="mod">
            <ac:chgData name="Susanne Pia Arnsted" userId="768bffe2-5221-45f4-9c7d-71fe7f4f06f5" providerId="ADAL" clId="{8FF0390E-C020-4517-81ED-BF99BCC7699E}" dt="2026-03-05T08:07:22.233" v="5" actId="139"/>
            <ac:spMkLst>
              <pc:docMk/>
              <pc:sldMasterMk cId="2982994778" sldId="2147483693"/>
              <pc:sldLayoutMk cId="1902919470" sldId="2147483695"/>
              <ac:spMk id="6" creationId="{9C3851C6-E0ED-8AFC-487C-1DD8E2CECF88}"/>
            </ac:spMkLst>
          </pc:spChg>
        </pc:sldLayoutChg>
        <pc:sldLayoutChg chg="modSp mod">
          <pc:chgData name="Susanne Pia Arnsted" userId="768bffe2-5221-45f4-9c7d-71fe7f4f06f5" providerId="ADAL" clId="{8FF0390E-C020-4517-81ED-BF99BCC7699E}" dt="2026-03-05T08:07:22.234" v="7" actId="139"/>
          <pc:sldLayoutMkLst>
            <pc:docMk/>
            <pc:sldMasterMk cId="2982994778" sldId="2147483693"/>
            <pc:sldLayoutMk cId="3619336802" sldId="2147483696"/>
          </pc:sldLayoutMkLst>
          <pc:spChg chg="mod">
            <ac:chgData name="Susanne Pia Arnsted" userId="768bffe2-5221-45f4-9c7d-71fe7f4f06f5" providerId="ADAL" clId="{8FF0390E-C020-4517-81ED-BF99BCC7699E}" dt="2026-03-05T08:07:22.234" v="7" actId="139"/>
            <ac:spMkLst>
              <pc:docMk/>
              <pc:sldMasterMk cId="2982994778" sldId="2147483693"/>
              <pc:sldLayoutMk cId="3619336802" sldId="2147483696"/>
              <ac:spMk id="15" creationId="{692253F6-301E-3071-2381-D62F990D070B}"/>
            </ac:spMkLst>
          </pc:spChg>
        </pc:sldLayoutChg>
        <pc:sldLayoutChg chg="modSp mod">
          <pc:chgData name="Susanne Pia Arnsted" userId="768bffe2-5221-45f4-9c7d-71fe7f4f06f5" providerId="ADAL" clId="{8FF0390E-C020-4517-81ED-BF99BCC7699E}" dt="2026-03-05T08:07:22.234" v="9" actId="139"/>
          <pc:sldLayoutMkLst>
            <pc:docMk/>
            <pc:sldMasterMk cId="2982994778" sldId="2147483693"/>
            <pc:sldLayoutMk cId="3227879079" sldId="2147483697"/>
          </pc:sldLayoutMkLst>
          <pc:spChg chg="mod">
            <ac:chgData name="Susanne Pia Arnsted" userId="768bffe2-5221-45f4-9c7d-71fe7f4f06f5" providerId="ADAL" clId="{8FF0390E-C020-4517-81ED-BF99BCC7699E}" dt="2026-03-05T08:07:22.234" v="9" actId="139"/>
            <ac:spMkLst>
              <pc:docMk/>
              <pc:sldMasterMk cId="2982994778" sldId="2147483693"/>
              <pc:sldLayoutMk cId="3227879079" sldId="2147483697"/>
              <ac:spMk id="10" creationId="{4E3189C8-C733-92C6-E536-A0ECFE4AE986}"/>
            </ac:spMkLst>
          </pc:spChg>
        </pc:sldLayoutChg>
        <pc:sldLayoutChg chg="modSp mod">
          <pc:chgData name="Susanne Pia Arnsted" userId="768bffe2-5221-45f4-9c7d-71fe7f4f06f5" providerId="ADAL" clId="{8FF0390E-C020-4517-81ED-BF99BCC7699E}" dt="2026-03-05T08:07:22.234" v="11" actId="139"/>
          <pc:sldLayoutMkLst>
            <pc:docMk/>
            <pc:sldMasterMk cId="2982994778" sldId="2147483693"/>
            <pc:sldLayoutMk cId="69167881" sldId="2147483698"/>
          </pc:sldLayoutMkLst>
          <pc:spChg chg="mod">
            <ac:chgData name="Susanne Pia Arnsted" userId="768bffe2-5221-45f4-9c7d-71fe7f4f06f5" providerId="ADAL" clId="{8FF0390E-C020-4517-81ED-BF99BCC7699E}" dt="2026-03-05T08:07:22.234" v="11" actId="139"/>
            <ac:spMkLst>
              <pc:docMk/>
              <pc:sldMasterMk cId="2982994778" sldId="2147483693"/>
              <pc:sldLayoutMk cId="69167881" sldId="2147483698"/>
              <ac:spMk id="9" creationId="{B6E1E268-25B0-3F99-5BEA-7E49E46EC128}"/>
            </ac:spMkLst>
          </pc:spChg>
        </pc:sldLayoutChg>
        <pc:sldLayoutChg chg="modSp mod">
          <pc:chgData name="Susanne Pia Arnsted" userId="768bffe2-5221-45f4-9c7d-71fe7f4f06f5" providerId="ADAL" clId="{8FF0390E-C020-4517-81ED-BF99BCC7699E}" dt="2026-03-05T08:07:22.250" v="13" actId="139"/>
          <pc:sldLayoutMkLst>
            <pc:docMk/>
            <pc:sldMasterMk cId="2982994778" sldId="2147483693"/>
            <pc:sldLayoutMk cId="2307624670" sldId="2147483699"/>
          </pc:sldLayoutMkLst>
          <pc:spChg chg="mod">
            <ac:chgData name="Susanne Pia Arnsted" userId="768bffe2-5221-45f4-9c7d-71fe7f4f06f5" providerId="ADAL" clId="{8FF0390E-C020-4517-81ED-BF99BCC7699E}" dt="2026-03-05T08:07:22.250" v="13" actId="139"/>
            <ac:spMkLst>
              <pc:docMk/>
              <pc:sldMasterMk cId="2982994778" sldId="2147483693"/>
              <pc:sldLayoutMk cId="2307624670" sldId="2147483699"/>
              <ac:spMk id="12" creationId="{AE0B67AE-F894-270E-19AE-0E164AF0B2D3}"/>
            </ac:spMkLst>
          </pc:spChg>
        </pc:sldLayoutChg>
        <pc:sldLayoutChg chg="modSp mod">
          <pc:chgData name="Susanne Pia Arnsted" userId="768bffe2-5221-45f4-9c7d-71fe7f4f06f5" providerId="ADAL" clId="{8FF0390E-C020-4517-81ED-BF99BCC7699E}" dt="2026-03-05T08:07:22.250" v="15" actId="139"/>
          <pc:sldLayoutMkLst>
            <pc:docMk/>
            <pc:sldMasterMk cId="2982994778" sldId="2147483693"/>
            <pc:sldLayoutMk cId="2998280238" sldId="2147483700"/>
          </pc:sldLayoutMkLst>
          <pc:spChg chg="mod">
            <ac:chgData name="Susanne Pia Arnsted" userId="768bffe2-5221-45f4-9c7d-71fe7f4f06f5" providerId="ADAL" clId="{8FF0390E-C020-4517-81ED-BF99BCC7699E}" dt="2026-03-05T08:07:22.250" v="15" actId="139"/>
            <ac:spMkLst>
              <pc:docMk/>
              <pc:sldMasterMk cId="2982994778" sldId="2147483693"/>
              <pc:sldLayoutMk cId="2998280238" sldId="2147483700"/>
              <ac:spMk id="7" creationId="{B15EA452-05B4-A751-51B4-E13FBF8D2D74}"/>
            </ac:spMkLst>
          </pc:spChg>
        </pc:sldLayoutChg>
        <pc:sldLayoutChg chg="modSp mod">
          <pc:chgData name="Susanne Pia Arnsted" userId="768bffe2-5221-45f4-9c7d-71fe7f4f06f5" providerId="ADAL" clId="{8FF0390E-C020-4517-81ED-BF99BCC7699E}" dt="2026-03-05T08:07:22.250" v="17" actId="139"/>
          <pc:sldLayoutMkLst>
            <pc:docMk/>
            <pc:sldMasterMk cId="2982994778" sldId="2147483693"/>
            <pc:sldLayoutMk cId="3853983724" sldId="2147483701"/>
          </pc:sldLayoutMkLst>
          <pc:spChg chg="mod">
            <ac:chgData name="Susanne Pia Arnsted" userId="768bffe2-5221-45f4-9c7d-71fe7f4f06f5" providerId="ADAL" clId="{8FF0390E-C020-4517-81ED-BF99BCC7699E}" dt="2026-03-05T08:07:22.250" v="17" actId="139"/>
            <ac:spMkLst>
              <pc:docMk/>
              <pc:sldMasterMk cId="2982994778" sldId="2147483693"/>
              <pc:sldLayoutMk cId="3853983724" sldId="2147483701"/>
              <ac:spMk id="17" creationId="{A5270570-9971-D098-6A3A-73ADF809AC56}"/>
            </ac:spMkLst>
          </pc:spChg>
        </pc:sldLayoutChg>
        <pc:sldLayoutChg chg="modSp mod">
          <pc:chgData name="Susanne Pia Arnsted" userId="768bffe2-5221-45f4-9c7d-71fe7f4f06f5" providerId="ADAL" clId="{8FF0390E-C020-4517-81ED-BF99BCC7699E}" dt="2026-03-05T08:07:22.250" v="19" actId="139"/>
          <pc:sldLayoutMkLst>
            <pc:docMk/>
            <pc:sldMasterMk cId="2982994778" sldId="2147483693"/>
            <pc:sldLayoutMk cId="2312964953" sldId="2147483702"/>
          </pc:sldLayoutMkLst>
          <pc:spChg chg="mod">
            <ac:chgData name="Susanne Pia Arnsted" userId="768bffe2-5221-45f4-9c7d-71fe7f4f06f5" providerId="ADAL" clId="{8FF0390E-C020-4517-81ED-BF99BCC7699E}" dt="2026-03-05T08:07:22.250" v="19" actId="139"/>
            <ac:spMkLst>
              <pc:docMk/>
              <pc:sldMasterMk cId="2982994778" sldId="2147483693"/>
              <pc:sldLayoutMk cId="2312964953" sldId="2147483702"/>
              <ac:spMk id="16" creationId="{0F2E7AB3-CD7C-9947-4E57-15C225D9CEA2}"/>
            </ac:spMkLst>
          </pc:spChg>
        </pc:sldLayoutChg>
        <pc:sldLayoutChg chg="modSp mod">
          <pc:chgData name="Susanne Pia Arnsted" userId="768bffe2-5221-45f4-9c7d-71fe7f4f06f5" providerId="ADAL" clId="{8FF0390E-C020-4517-81ED-BF99BCC7699E}" dt="2026-03-05T08:07:22.266" v="21" actId="139"/>
          <pc:sldLayoutMkLst>
            <pc:docMk/>
            <pc:sldMasterMk cId="2982994778" sldId="2147483693"/>
            <pc:sldLayoutMk cId="2126171720" sldId="2147483703"/>
          </pc:sldLayoutMkLst>
          <pc:spChg chg="mod">
            <ac:chgData name="Susanne Pia Arnsted" userId="768bffe2-5221-45f4-9c7d-71fe7f4f06f5" providerId="ADAL" clId="{8FF0390E-C020-4517-81ED-BF99BCC7699E}" dt="2026-03-05T08:07:22.266" v="21" actId="139"/>
            <ac:spMkLst>
              <pc:docMk/>
              <pc:sldMasterMk cId="2982994778" sldId="2147483693"/>
              <pc:sldLayoutMk cId="2126171720" sldId="2147483703"/>
              <ac:spMk id="16" creationId="{6AA6A1BD-0215-BC40-A001-EB01D935E842}"/>
            </ac:spMkLst>
          </pc:spChg>
        </pc:sldLayoutChg>
        <pc:sldLayoutChg chg="modSp mod">
          <pc:chgData name="Susanne Pia Arnsted" userId="768bffe2-5221-45f4-9c7d-71fe7f4f06f5" providerId="ADAL" clId="{8FF0390E-C020-4517-81ED-BF99BCC7699E}" dt="2026-03-05T08:07:22.271" v="23" actId="139"/>
          <pc:sldLayoutMkLst>
            <pc:docMk/>
            <pc:sldMasterMk cId="2982994778" sldId="2147483693"/>
            <pc:sldLayoutMk cId="65745737" sldId="2147483704"/>
          </pc:sldLayoutMkLst>
          <pc:spChg chg="mod">
            <ac:chgData name="Susanne Pia Arnsted" userId="768bffe2-5221-45f4-9c7d-71fe7f4f06f5" providerId="ADAL" clId="{8FF0390E-C020-4517-81ED-BF99BCC7699E}" dt="2026-03-05T08:07:22.271" v="23" actId="139"/>
            <ac:spMkLst>
              <pc:docMk/>
              <pc:sldMasterMk cId="2982994778" sldId="2147483693"/>
              <pc:sldLayoutMk cId="65745737" sldId="2147483704"/>
              <ac:spMk id="16" creationId="{F123D66E-C740-891E-EE32-86B342CB0549}"/>
            </ac:spMkLst>
          </pc:spChg>
        </pc:sldLayoutChg>
        <pc:sldLayoutChg chg="modSp mod">
          <pc:chgData name="Susanne Pia Arnsted" userId="768bffe2-5221-45f4-9c7d-71fe7f4f06f5" providerId="ADAL" clId="{8FF0390E-C020-4517-81ED-BF99BCC7699E}" dt="2026-03-05T08:07:22.271" v="25" actId="139"/>
          <pc:sldLayoutMkLst>
            <pc:docMk/>
            <pc:sldMasterMk cId="2982994778" sldId="2147483693"/>
            <pc:sldLayoutMk cId="3611406035" sldId="2147483705"/>
          </pc:sldLayoutMkLst>
          <pc:spChg chg="mod">
            <ac:chgData name="Susanne Pia Arnsted" userId="768bffe2-5221-45f4-9c7d-71fe7f4f06f5" providerId="ADAL" clId="{8FF0390E-C020-4517-81ED-BF99BCC7699E}" dt="2026-03-05T08:07:22.271" v="25" actId="139"/>
            <ac:spMkLst>
              <pc:docMk/>
              <pc:sldMasterMk cId="2982994778" sldId="2147483693"/>
              <pc:sldLayoutMk cId="3611406035" sldId="2147483705"/>
              <ac:spMk id="8" creationId="{5803091C-FBAC-06FB-9F65-E834CC6FDE66}"/>
            </ac:spMkLst>
          </pc:spChg>
        </pc:sldLayoutChg>
        <pc:sldLayoutChg chg="modSp mod">
          <pc:chgData name="Susanne Pia Arnsted" userId="768bffe2-5221-45f4-9c7d-71fe7f4f06f5" providerId="ADAL" clId="{8FF0390E-C020-4517-81ED-BF99BCC7699E}" dt="2026-03-05T08:07:22.281" v="27" actId="139"/>
          <pc:sldLayoutMkLst>
            <pc:docMk/>
            <pc:sldMasterMk cId="2982994778" sldId="2147483693"/>
            <pc:sldLayoutMk cId="3720992659" sldId="2147483706"/>
          </pc:sldLayoutMkLst>
          <pc:spChg chg="mod">
            <ac:chgData name="Susanne Pia Arnsted" userId="768bffe2-5221-45f4-9c7d-71fe7f4f06f5" providerId="ADAL" clId="{8FF0390E-C020-4517-81ED-BF99BCC7699E}" dt="2026-03-05T08:07:22.281" v="27" actId="139"/>
            <ac:spMkLst>
              <pc:docMk/>
              <pc:sldMasterMk cId="2982994778" sldId="2147483693"/>
              <pc:sldLayoutMk cId="3720992659" sldId="2147483706"/>
              <ac:spMk id="12" creationId="{DD8D5AAF-ADD4-7965-20E1-CAD60C11F790}"/>
            </ac:spMkLst>
          </pc:spChg>
        </pc:sldLayoutChg>
        <pc:sldLayoutChg chg="modSp mod">
          <pc:chgData name="Susanne Pia Arnsted" userId="768bffe2-5221-45f4-9c7d-71fe7f4f06f5" providerId="ADAL" clId="{8FF0390E-C020-4517-81ED-BF99BCC7699E}" dt="2026-03-05T08:07:22.281" v="29" actId="139"/>
          <pc:sldLayoutMkLst>
            <pc:docMk/>
            <pc:sldMasterMk cId="2982994778" sldId="2147483693"/>
            <pc:sldLayoutMk cId="482427051" sldId="2147483707"/>
          </pc:sldLayoutMkLst>
          <pc:spChg chg="mod">
            <ac:chgData name="Susanne Pia Arnsted" userId="768bffe2-5221-45f4-9c7d-71fe7f4f06f5" providerId="ADAL" clId="{8FF0390E-C020-4517-81ED-BF99BCC7699E}" dt="2026-03-05T08:07:22.281" v="29" actId="139"/>
            <ac:spMkLst>
              <pc:docMk/>
              <pc:sldMasterMk cId="2982994778" sldId="2147483693"/>
              <pc:sldLayoutMk cId="482427051" sldId="2147483707"/>
              <ac:spMk id="9" creationId="{91B24A03-A9DC-8214-B212-7BEC0B19CAD0}"/>
            </ac:spMkLst>
          </pc:spChg>
        </pc:sldLayoutChg>
      </pc:sldMaster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06/03/2026</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Ved arbejdsmiljødrøftelsen er I forpligtet til at: 1. vurdere om jeres mål for arbejdsmiljøet for det foregående år er nået 2. tilrettelægge indholdet af samarbejdet om sikkerhed og sundhed for det kommende år 3. fastlægge, hvordan samarbejdet skal foregå 4. fastlægge mål for det kommende års samarbejde</a:t>
            </a: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4296911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6-03-2026</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9" name="text" descr="{&quot;templafy&quot;:{&quot;id&quot;:&quot;a75fae67-a7c5-4967-bef6-8e1e1f097f90&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solidFill>
                  <a:schemeClr val="bg1"/>
                </a:solidFill>
              </a:rPr>
              <a:t>SDU HR</a:t>
            </a:r>
          </a:p>
        </p:txBody>
      </p:sp>
    </p:spTree>
    <p:extLst>
      <p:ext uri="{BB962C8B-B14F-4D97-AF65-F5344CB8AC3E}">
        <p14:creationId xmlns:p14="http://schemas.microsoft.com/office/powerpoint/2010/main" val="245668330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6" name="text" descr="{&quot;templafy&quot;:{&quot;id&quot;:&quot;8fe21f7e-f73e-4fc2-8679-c0d5fcf68657&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190291947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c146be15-5db0-4b2e-92f9-203b83e2feea&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61933680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0" name="text" descr="{&quot;templafy&quot;:{&quot;id&quot;:&quot;fa976ed4-8424-4f9d-b79b-b3561fea3f35&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22787907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9" name="text" descr="{&quot;templafy&quot;:{&quot;id&quot;:&quot;c6e2c46a-6f86-4ba5-9db3-9aee2e029e4a&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6916788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2" name="text" descr="{&quot;templafy&quot;:{&quot;id&quot;:&quot;d4258ff9-bc82-4113-954f-6a686cade62b&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307624670"/>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97931b1b-5049-4abb-ae62-fc2c8b66f46d&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998280238"/>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6-03-2026</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e20e4b16-3a92-4b47-bb03-84e0e6c47ca5&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a:t>
            </a:r>
          </a:p>
        </p:txBody>
      </p:sp>
    </p:spTree>
    <p:extLst>
      <p:ext uri="{BB962C8B-B14F-4D97-AF65-F5344CB8AC3E}">
        <p14:creationId xmlns:p14="http://schemas.microsoft.com/office/powerpoint/2010/main" val="385398372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6-03-2026</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6" name="text" descr="{&quot;templafy&quot;:{&quot;id&quot;:&quot;5025f9a8-e11f-4054-a67b-e19f23838d9f&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31296495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e005cfce-490c-4bf1-be8b-e41851fb8f51&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126171720"/>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663bff7c-b804-4d4a-b022-de3012c3402f&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6574573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8" name="text" descr="{&quot;templafy&quot;:{&quot;id&quot;:&quot;4114bcca-66cd-4636-9caa-c74e6052ba4d&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61140603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2" name="text" descr="{&quot;templafy&quot;:{&quot;id&quot;:&quot;5bad812b-61a1-4cff-b142-cb431780730b&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72099265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6-03-2026</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9" name="text" descr="{&quot;templafy&quot;:{&quot;id&quot;:&quot;2ba2bcbe-3faf-49db-a787-20d4cebfa744&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48242705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6-03-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6-03-2026</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6-03-2026</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2.xml"/><Relationship Id="rId13" Type="http://schemas.openxmlformats.org/officeDocument/2006/relationships/slideLayout" Target="../slideLayouts/slideLayout27.xml"/><Relationship Id="rId3" Type="http://schemas.openxmlformats.org/officeDocument/2006/relationships/slideLayout" Target="../slideLayouts/slideLayout17.xml"/><Relationship Id="rId7" Type="http://schemas.openxmlformats.org/officeDocument/2006/relationships/slideLayout" Target="../slideLayouts/slideLayout21.xml"/><Relationship Id="rId12" Type="http://schemas.openxmlformats.org/officeDocument/2006/relationships/slideLayout" Target="../slideLayouts/slideLayout26.xml"/><Relationship Id="rId2" Type="http://schemas.openxmlformats.org/officeDocument/2006/relationships/slideLayout" Target="../slideLayouts/slideLayout16.xml"/><Relationship Id="rId16" Type="http://schemas.openxmlformats.org/officeDocument/2006/relationships/image" Target="../media/image1.bin"/><Relationship Id="rId1" Type="http://schemas.openxmlformats.org/officeDocument/2006/relationships/slideLayout" Target="../slideLayouts/slideLayout15.xml"/><Relationship Id="rId6" Type="http://schemas.openxmlformats.org/officeDocument/2006/relationships/slideLayout" Target="../slideLayouts/slideLayout20.xml"/><Relationship Id="rId11" Type="http://schemas.openxmlformats.org/officeDocument/2006/relationships/slideLayout" Target="../slideLayouts/slideLayout25.xml"/><Relationship Id="rId5" Type="http://schemas.openxmlformats.org/officeDocument/2006/relationships/slideLayout" Target="../slideLayouts/slideLayout19.xml"/><Relationship Id="rId15" Type="http://schemas.openxmlformats.org/officeDocument/2006/relationships/theme" Target="../theme/theme2.xml"/><Relationship Id="rId10" Type="http://schemas.openxmlformats.org/officeDocument/2006/relationships/slideLayout" Target="../slideLayouts/slideLayout24.xml"/><Relationship Id="rId4" Type="http://schemas.openxmlformats.org/officeDocument/2006/relationships/slideLayout" Target="../slideLayouts/slideLayout18.xml"/><Relationship Id="rId9" Type="http://schemas.openxmlformats.org/officeDocument/2006/relationships/slideLayout" Target="../slideLayouts/slideLayout23.xml"/><Relationship Id="rId14" Type="http://schemas.openxmlformats.org/officeDocument/2006/relationships/slideLayout" Target="../slideLayouts/slideLayout2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6-03-2026</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6-03-2026</a:t>
            </a:fld>
            <a:endParaRPr lang="da-DK" dirty="0"/>
          </a:p>
        </p:txBody>
      </p:sp>
      <p:sp>
        <p:nvSpPr>
          <p:cNvPr id="14" name="Rectangle 3" descr="{&quot;templafy&quot;:{&quot;id&quot;:&quot;41dc6327-2dfc-4b32-b98c-588e4ebf1939&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050" dirty="0" err="1">
                <a:solidFill>
                  <a:schemeClr val="tx1"/>
                </a:solidFill>
              </a:rPr>
              <a:t>22. februar 2023</a:t>
            </a: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78dfe309-468a-4632-8193-fa3c0b3bdab2&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982994778"/>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hyperlink" Target="mailto:arbejdsmiljoe@sdu.dk" TargetMode="External"/><Relationship Id="rId2" Type="http://schemas.openxmlformats.org/officeDocument/2006/relationships/notesSlide" Target="../notesSlides/notesSlide1.xml"/><Relationship Id="rId1" Type="http://schemas.openxmlformats.org/officeDocument/2006/relationships/slideLayout" Target="../slideLayouts/slideLayout22.xml"/><Relationship Id="rId4" Type="http://schemas.openxmlformats.org/officeDocument/2006/relationships/image" Target="../media/image3.png"/></Relationships>
</file>

<file path=ppt/slides/_rels/slide2.xml.rels><?xml version="1.0" encoding="UTF-8" standalone="yes"?>
<Relationships xmlns="http://schemas.openxmlformats.org/package/2006/relationships"><Relationship Id="rId3" Type="http://schemas.openxmlformats.org/officeDocument/2006/relationships/hyperlink" Target="https://teams.microsoft.com/l/team/19%3AkJmyERJj0l5NIRQ2MA3J7ar_p7uJjI2JlDx5M2wIEx41%40thread.tacv2/conversations?groupId=30f360cb-f922-49f8-8ebe-621d49552153&amp;tenantId=9a97c27d-b83e-4694-b353-54bdbf18ab5b" TargetMode="External"/><Relationship Id="rId2" Type="http://schemas.openxmlformats.org/officeDocument/2006/relationships/hyperlink" Target="mailto:arbejdsmiljoe@sdu.dk" TargetMode="External"/><Relationship Id="rId1" Type="http://schemas.openxmlformats.org/officeDocument/2006/relationships/slideLayout" Target="../slideLayouts/slideLayout22.xml"/><Relationship Id="rId5" Type="http://schemas.openxmlformats.org/officeDocument/2006/relationships/image" Target="../media/image3.png"/><Relationship Id="rId4" Type="http://schemas.openxmlformats.org/officeDocument/2006/relationships/hyperlink" Target="http://www.sdunet.dk/arbejdsmiljoe"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5C760553-F8B9-BC1F-5282-709206C71B41}"/>
              </a:ext>
            </a:extLst>
          </p:cNvPr>
          <p:cNvSpPr>
            <a:spLocks noGrp="1"/>
          </p:cNvSpPr>
          <p:nvPr>
            <p:ph type="ctrTitle"/>
          </p:nvPr>
        </p:nvSpPr>
        <p:spPr>
          <a:xfrm>
            <a:off x="6692203" y="720356"/>
            <a:ext cx="4948757" cy="485174"/>
          </a:xfrm>
        </p:spPr>
        <p:txBody>
          <a:bodyPr/>
          <a:lstStyle/>
          <a:p>
            <a:r>
              <a:rPr lang="da-DK" sz="3200" dirty="0"/>
              <a:t>Den årlige arbejdsmiljødrøftelse </a:t>
            </a:r>
          </a:p>
        </p:txBody>
      </p:sp>
      <p:sp>
        <p:nvSpPr>
          <p:cNvPr id="7" name="Text Placeholder 6">
            <a:extLst>
              <a:ext uri="{FF2B5EF4-FFF2-40B4-BE49-F238E27FC236}">
                <a16:creationId xmlns:a16="http://schemas.microsoft.com/office/drawing/2014/main" id="{44DDB7D9-9F59-9865-2581-42276376F094}"/>
              </a:ext>
            </a:extLst>
          </p:cNvPr>
          <p:cNvSpPr>
            <a:spLocks noGrp="1"/>
          </p:cNvSpPr>
          <p:nvPr>
            <p:ph type="body" sz="quarter" idx="13"/>
          </p:nvPr>
        </p:nvSpPr>
        <p:spPr>
          <a:xfrm>
            <a:off x="6692203" y="2297151"/>
            <a:ext cx="4680000" cy="3675185"/>
          </a:xfrm>
        </p:spPr>
        <p:txBody>
          <a:bodyPr vert="horz" lIns="0" tIns="0" rIns="0" bIns="0" rtlCol="0" anchor="t">
            <a:noAutofit/>
          </a:bodyPr>
          <a:lstStyle/>
          <a:p>
            <a:pPr marL="342900" indent="-342900" fontAlgn="base">
              <a:spcAft>
                <a:spcPts val="600"/>
              </a:spcAft>
              <a:buFont typeface="+mj-lt"/>
              <a:buAutoNum type="arabicPeriod" startAt="4"/>
            </a:pPr>
            <a:r>
              <a:rPr lang="da-DK" sz="1400" dirty="0"/>
              <a:t>Hvordan skal samarbejdet foregå?</a:t>
            </a:r>
          </a:p>
          <a:p>
            <a:pPr lvl="1" fontAlgn="base">
              <a:spcAft>
                <a:spcPts val="600"/>
              </a:spcAft>
            </a:pPr>
            <a:r>
              <a:rPr lang="da-DK" sz="1200" dirty="0"/>
              <a:t>Hvilke samarbejdsformer og mødeintervaller skal I have i det kommende år? Her skal I drøfte, hvordan samarbejdet rent praktisk skal foregå, og hvordan I vil nå de mål/gennemføre de indsatser, I planlægger i arbejdsmiljøarbejdet.</a:t>
            </a:r>
          </a:p>
          <a:p>
            <a:pPr marL="342900" indent="-342900" fontAlgn="base">
              <a:spcAft>
                <a:spcPts val="600"/>
              </a:spcAft>
              <a:buFont typeface="+mj-lt"/>
              <a:buAutoNum type="arabicPeriod" startAt="4"/>
            </a:pPr>
            <a:r>
              <a:rPr lang="da-DK" sz="1400" dirty="0"/>
              <a:t>Plan for kompetenceudvikling for at sikre, at vi har de nødvendige kompetencer til det kommende års arbejdsmiljøarbejde</a:t>
            </a:r>
          </a:p>
          <a:p>
            <a:pPr marL="342900" indent="-342900" fontAlgn="base">
              <a:spcAft>
                <a:spcPts val="600"/>
              </a:spcAft>
              <a:buFont typeface="+mj-lt"/>
              <a:buAutoNum type="arabicPeriod" startAt="4"/>
            </a:pPr>
            <a:r>
              <a:rPr lang="da-DK" sz="1400" dirty="0"/>
              <a:t>Ajourføring af arbejdsmiljøopgørelsen</a:t>
            </a:r>
          </a:p>
          <a:p>
            <a:pPr marL="342900" indent="-342900" fontAlgn="base">
              <a:spcAft>
                <a:spcPts val="600"/>
              </a:spcAft>
              <a:buFont typeface="+mj-lt"/>
              <a:buAutoNum type="arabicPeriod" startAt="4"/>
            </a:pPr>
            <a:r>
              <a:rPr lang="da-DK" sz="1400" dirty="0"/>
              <a:t>Eventuelt</a:t>
            </a:r>
            <a:br>
              <a:rPr lang="da-DK" sz="1400" dirty="0"/>
            </a:br>
            <a:endParaRPr lang="da-DK" sz="1400" dirty="0"/>
          </a:p>
          <a:p>
            <a:pPr marL="0" indent="0">
              <a:buNone/>
            </a:pPr>
            <a:endParaRPr lang="da-DK" sz="1400" dirty="0">
              <a:solidFill>
                <a:srgbClr val="354450"/>
              </a:solidFill>
              <a:latin typeface="Helvetica"/>
              <a:cs typeface="Helvetica"/>
            </a:endParaRPr>
          </a:p>
        </p:txBody>
      </p:sp>
      <p:sp>
        <p:nvSpPr>
          <p:cNvPr id="3" name="Content Placeholder 2">
            <a:extLst>
              <a:ext uri="{FF2B5EF4-FFF2-40B4-BE49-F238E27FC236}">
                <a16:creationId xmlns:a16="http://schemas.microsoft.com/office/drawing/2014/main" id="{A9A70016-160F-27D3-194E-9C3197DF9992}"/>
              </a:ext>
            </a:extLst>
          </p:cNvPr>
          <p:cNvSpPr>
            <a:spLocks noGrp="1"/>
          </p:cNvSpPr>
          <p:nvPr>
            <p:ph sz="quarter" idx="15"/>
          </p:nvPr>
        </p:nvSpPr>
        <p:spPr>
          <a:xfrm>
            <a:off x="422433" y="720356"/>
            <a:ext cx="5898854" cy="4869412"/>
          </a:xfrm>
        </p:spPr>
        <p:txBody>
          <a:bodyPr/>
          <a:lstStyle/>
          <a:p>
            <a:pPr marL="0" indent="0" algn="l" fontAlgn="base">
              <a:buNone/>
            </a:pPr>
            <a:r>
              <a:rPr lang="da-DK" sz="1800" b="1" i="0" dirty="0">
                <a:effectLst/>
              </a:rPr>
              <a:t>Dagsorden</a:t>
            </a:r>
            <a:endParaRPr lang="da-DK" sz="1400" b="1" i="0" dirty="0">
              <a:effectLst/>
            </a:endParaRPr>
          </a:p>
          <a:p>
            <a:pPr algn="l" fontAlgn="base">
              <a:spcAft>
                <a:spcPts val="600"/>
              </a:spcAft>
              <a:buFont typeface="+mj-lt"/>
              <a:buAutoNum type="arabicPeriod"/>
            </a:pPr>
            <a:r>
              <a:rPr lang="da-DK" sz="1400" b="0" i="0" dirty="0">
                <a:effectLst/>
              </a:rPr>
              <a:t>Er foregående års indsatser og mål gennemført (hvordan eller hvorfor ikke)?</a:t>
            </a:r>
          </a:p>
          <a:p>
            <a:pPr lvl="1" fontAlgn="base">
              <a:spcAft>
                <a:spcPts val="600"/>
              </a:spcAft>
            </a:pPr>
            <a:r>
              <a:rPr lang="da-DK" sz="1200" dirty="0"/>
              <a:t>Har I fået gennemført de indsatser og aktiviteter, I besluttede, og har I opnået de resultater, I ønskede at opnå? Hvis I ændrede fokus i løbet af året – hvorfor gjorde I det, og hvilke resultater gav det?</a:t>
            </a:r>
            <a:endParaRPr lang="da-DK" sz="1200" b="0" i="0" dirty="0">
              <a:effectLst/>
            </a:endParaRPr>
          </a:p>
          <a:p>
            <a:pPr algn="l" fontAlgn="base">
              <a:spcAft>
                <a:spcPts val="600"/>
              </a:spcAft>
              <a:buFont typeface="+mj-lt"/>
              <a:buAutoNum type="arabicPeriod"/>
            </a:pPr>
            <a:r>
              <a:rPr lang="da-DK" sz="1400" b="0" i="0" dirty="0">
                <a:effectLst/>
              </a:rPr>
              <a:t>Hvad skal vi have fokus på det kommende år?</a:t>
            </a:r>
          </a:p>
          <a:p>
            <a:pPr lvl="1" fontAlgn="base">
              <a:spcAft>
                <a:spcPts val="600"/>
              </a:spcAft>
            </a:pPr>
            <a:r>
              <a:rPr lang="da-DK" sz="1200" dirty="0"/>
              <a:t>Brug jeres viden fra APV-handleplanen samt jeres lokalkendskab som inspiration til de emner, I vil fokusere på det kommende år:</a:t>
            </a:r>
          </a:p>
          <a:p>
            <a:pPr lvl="2" fontAlgn="base"/>
            <a:r>
              <a:rPr lang="da-DK" sz="1100" dirty="0"/>
              <a:t>Har vi kendskab til risici identificeret ved sikkerhedsrunderingen? Har der været arbejdsulykker eller sygefravær som følge af arbejdsmiljøet som vi skal tage højde for? Eller har vi haft besøg af Arbejdstilsynet eller anden myndighed som vil påvirke arbejdsmiljøarbejdet?</a:t>
            </a:r>
          </a:p>
          <a:p>
            <a:pPr lvl="2" fontAlgn="base"/>
            <a:endParaRPr lang="da-DK" sz="1100" dirty="0"/>
          </a:p>
          <a:p>
            <a:pPr algn="l" fontAlgn="base">
              <a:spcAft>
                <a:spcPts val="600"/>
              </a:spcAft>
              <a:buFont typeface="+mj-lt"/>
              <a:buAutoNum type="arabicPeriod"/>
            </a:pPr>
            <a:r>
              <a:rPr lang="da-DK" sz="1400" b="0" i="0" dirty="0">
                <a:effectLst/>
              </a:rPr>
              <a:t>Har vi identificeret risic</a:t>
            </a:r>
            <a:r>
              <a:rPr lang="da-DK" sz="1400" dirty="0"/>
              <a:t>i eller tematikker som ikke kan håndteres lokalt og som kræver central indsats? </a:t>
            </a:r>
            <a:br>
              <a:rPr lang="da-DK" sz="1400" dirty="0"/>
            </a:br>
            <a:r>
              <a:rPr lang="da-DK" sz="1400" dirty="0"/>
              <a:t>Hvis ja [sendes til </a:t>
            </a:r>
            <a:r>
              <a:rPr lang="da-DK" sz="1400" dirty="0">
                <a:hlinkClick r:id="rId3"/>
              </a:rPr>
              <a:t>arbejdsmiljoe@sdu.dk</a:t>
            </a:r>
            <a:r>
              <a:rPr lang="da-DK" sz="1400" dirty="0"/>
              <a:t>]:</a:t>
            </a:r>
          </a:p>
          <a:p>
            <a:pPr lvl="1" fontAlgn="base">
              <a:lnSpc>
                <a:spcPct val="100000"/>
              </a:lnSpc>
            </a:pPr>
            <a:r>
              <a:rPr lang="da-DK" sz="1200" b="0" i="0" dirty="0">
                <a:effectLst/>
              </a:rPr>
              <a:t>Hvilke risici og tematikker?</a:t>
            </a:r>
          </a:p>
          <a:p>
            <a:pPr lvl="1" fontAlgn="base">
              <a:lnSpc>
                <a:spcPct val="100000"/>
              </a:lnSpc>
            </a:pPr>
            <a:r>
              <a:rPr lang="da-DK" sz="1200" b="0" i="0" dirty="0">
                <a:effectLst/>
              </a:rPr>
              <a:t>Hvad vurderer vi som </a:t>
            </a:r>
            <a:r>
              <a:rPr lang="da-DK" sz="1200" dirty="0"/>
              <a:t>nødvendigt for at forebygge eller håndtere udfordringen?</a:t>
            </a:r>
          </a:p>
          <a:p>
            <a:pPr lvl="1" fontAlgn="base">
              <a:lnSpc>
                <a:spcPct val="100000"/>
              </a:lnSpc>
            </a:pPr>
            <a:r>
              <a:rPr lang="da-DK" sz="1200" dirty="0"/>
              <a:t>På hvilket niveau ser vi behov for en</a:t>
            </a:r>
            <a:r>
              <a:rPr lang="da-DK" sz="1200" b="0" i="0" dirty="0">
                <a:effectLst/>
              </a:rPr>
              <a:t> tværorganisatorisk indsats –</a:t>
            </a:r>
            <a:r>
              <a:rPr lang="da-DK" sz="1200" dirty="0"/>
              <a:t> FAMU, CAMU eller HOAMU? </a:t>
            </a:r>
            <a:endParaRPr lang="da-DK" sz="1200" b="0" i="0" dirty="0">
              <a:effectLst/>
            </a:endParaRPr>
          </a:p>
        </p:txBody>
      </p:sp>
      <p:sp>
        <p:nvSpPr>
          <p:cNvPr id="4" name="Date Placeholder 3">
            <a:extLst>
              <a:ext uri="{FF2B5EF4-FFF2-40B4-BE49-F238E27FC236}">
                <a16:creationId xmlns:a16="http://schemas.microsoft.com/office/drawing/2014/main" id="{DEED0A0A-30B4-7111-200B-80E2DABE6AD8}"/>
              </a:ext>
            </a:extLst>
          </p:cNvPr>
          <p:cNvSpPr>
            <a:spLocks noGrp="1"/>
          </p:cNvSpPr>
          <p:nvPr>
            <p:ph type="dt" sz="half" idx="16"/>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F20A7CA-4009-49F9-8DA8-68F56CA3EA38}"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06-03-2026</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1F908012-246E-5EDB-79A1-7EA5F96EA8E3}"/>
              </a:ext>
            </a:extLst>
          </p:cNvPr>
          <p:cNvSpPr>
            <a:spLocks noGrp="1"/>
          </p:cNvSpPr>
          <p:nvPr>
            <p:ph type="sldNum" sz="quarter" idx="18"/>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a:t>
            </a:fld>
            <a:endParaRPr kumimoji="0" lang="da-DK" sz="100" b="0" i="0" u="none" strike="noStrike" kern="1200" cap="none" spc="0" normalizeH="0" baseline="0" noProof="0" dirty="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1C10A6BA-0924-2783-7830-30EAE6C8E41B}"/>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0752796" y="5480685"/>
            <a:ext cx="1377315" cy="1377315"/>
          </a:xfrm>
          <a:prstGeom prst="rect">
            <a:avLst/>
          </a:prstGeom>
        </p:spPr>
      </p:pic>
    </p:spTree>
    <p:extLst>
      <p:ext uri="{BB962C8B-B14F-4D97-AF65-F5344CB8AC3E}">
        <p14:creationId xmlns:p14="http://schemas.microsoft.com/office/powerpoint/2010/main" val="117964287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58E8F94-BF10-0E53-9BD3-DAD3722395C0}"/>
              </a:ext>
            </a:extLst>
          </p:cNvPr>
          <p:cNvSpPr>
            <a:spLocks noGrp="1"/>
          </p:cNvSpPr>
          <p:nvPr>
            <p:ph type="ctrTitle"/>
          </p:nvPr>
        </p:nvSpPr>
        <p:spPr>
          <a:xfrm>
            <a:off x="6884892" y="1006605"/>
            <a:ext cx="4487309" cy="1938338"/>
          </a:xfrm>
        </p:spPr>
        <p:txBody>
          <a:bodyPr/>
          <a:lstStyle/>
          <a:p>
            <a:r>
              <a:rPr lang="da-DK" dirty="0"/>
              <a:t>Nye rammer for drøftelse</a:t>
            </a:r>
          </a:p>
        </p:txBody>
      </p:sp>
      <p:sp>
        <p:nvSpPr>
          <p:cNvPr id="3" name="Pladsholder til tekst 2">
            <a:extLst>
              <a:ext uri="{FF2B5EF4-FFF2-40B4-BE49-F238E27FC236}">
                <a16:creationId xmlns:a16="http://schemas.microsoft.com/office/drawing/2014/main" id="{31208316-39DA-4A4A-DE93-8ADB5A0C1FFA}"/>
              </a:ext>
            </a:extLst>
          </p:cNvPr>
          <p:cNvSpPr>
            <a:spLocks noGrp="1"/>
          </p:cNvSpPr>
          <p:nvPr>
            <p:ph type="body" sz="quarter" idx="13"/>
          </p:nvPr>
        </p:nvSpPr>
        <p:spPr>
          <a:xfrm>
            <a:off x="6884894" y="3091766"/>
            <a:ext cx="4487308" cy="2466000"/>
          </a:xfrm>
        </p:spPr>
        <p:txBody>
          <a:bodyPr/>
          <a:lstStyle/>
          <a:p>
            <a:pPr marL="0" indent="0">
              <a:buNone/>
            </a:pPr>
            <a:r>
              <a:rPr lang="da-DK" b="1" dirty="0">
                <a:solidFill>
                  <a:schemeClr val="accent6"/>
                </a:solidFill>
              </a:rPr>
              <a:t>HUSK!</a:t>
            </a:r>
          </a:p>
          <a:p>
            <a:r>
              <a:rPr lang="da-DK" b="1" dirty="0">
                <a:solidFill>
                  <a:schemeClr val="accent6"/>
                </a:solidFill>
              </a:rPr>
              <a:t>Ønsker til drøftelse i FAMU eller HOAMU samt kompetencebehov skal sendes til </a:t>
            </a:r>
            <a:r>
              <a:rPr lang="da-DK" b="1" dirty="0">
                <a:solidFill>
                  <a:schemeClr val="accent6"/>
                </a:solidFill>
                <a:hlinkClick r:id="rId2">
                  <a:extLst>
                    <a:ext uri="{A12FA001-AC4F-418D-AE19-62706E023703}">
                      <ahyp:hlinkClr xmlns:ahyp="http://schemas.microsoft.com/office/drawing/2018/hyperlinkcolor" val="tx"/>
                    </a:ext>
                  </a:extLst>
                </a:hlinkClick>
              </a:rPr>
              <a:t>arbejdsmiljoe@sdu.dk</a:t>
            </a:r>
            <a:r>
              <a:rPr lang="da-DK" b="1" dirty="0">
                <a:solidFill>
                  <a:schemeClr val="accent6"/>
                </a:solidFill>
              </a:rPr>
              <a:t> senest den 30. april.</a:t>
            </a:r>
          </a:p>
          <a:p>
            <a:r>
              <a:rPr lang="da-DK" b="1" dirty="0">
                <a:solidFill>
                  <a:schemeClr val="accent6"/>
                </a:solidFill>
              </a:rPr>
              <a:t>Ajourføring af arbejdsmiljøopgørelse skal ske via </a:t>
            </a:r>
            <a:r>
              <a:rPr lang="da-DK" b="1" dirty="0">
                <a:solidFill>
                  <a:schemeClr val="accent6"/>
                </a:solidFill>
                <a:hlinkClick r:id="rId3"/>
              </a:rPr>
              <a:t>Teams</a:t>
            </a:r>
            <a:r>
              <a:rPr lang="da-DK" b="1" dirty="0">
                <a:solidFill>
                  <a:schemeClr val="accent6"/>
                </a:solidFill>
              </a:rPr>
              <a:t> senest den 30. april. </a:t>
            </a:r>
          </a:p>
          <a:p>
            <a:endParaRPr lang="da-DK" dirty="0"/>
          </a:p>
        </p:txBody>
      </p:sp>
      <p:sp>
        <p:nvSpPr>
          <p:cNvPr id="4" name="Pladsholder til indhold 3">
            <a:extLst>
              <a:ext uri="{FF2B5EF4-FFF2-40B4-BE49-F238E27FC236}">
                <a16:creationId xmlns:a16="http://schemas.microsoft.com/office/drawing/2014/main" id="{BE9D2282-31AA-EF2C-2250-DE3C12A62308}"/>
              </a:ext>
            </a:extLst>
          </p:cNvPr>
          <p:cNvSpPr>
            <a:spLocks noGrp="1"/>
          </p:cNvSpPr>
          <p:nvPr>
            <p:ph sz="quarter" idx="15"/>
          </p:nvPr>
        </p:nvSpPr>
        <p:spPr>
          <a:xfrm>
            <a:off x="422432" y="1000443"/>
            <a:ext cx="5673568" cy="4853157"/>
          </a:xfrm>
        </p:spPr>
        <p:txBody>
          <a:bodyPr/>
          <a:lstStyle/>
          <a:p>
            <a:pPr marL="0" indent="0">
              <a:buNone/>
            </a:pPr>
            <a:r>
              <a:rPr lang="da-DK" sz="1400" dirty="0">
                <a:latin typeface="Helvetica"/>
                <a:cs typeface="Helvetica"/>
              </a:rPr>
              <a:t>Dagsorden for arbejdsmiljødrøftelsen skal </a:t>
            </a:r>
            <a:r>
              <a:rPr lang="da-DK" sz="1400" b="1" dirty="0">
                <a:latin typeface="Helvetica"/>
                <a:cs typeface="Helvetica"/>
              </a:rPr>
              <a:t>fortsat</a:t>
            </a:r>
            <a:r>
              <a:rPr lang="da-DK" sz="1400" dirty="0">
                <a:latin typeface="Helvetica"/>
                <a:cs typeface="Helvetica"/>
              </a:rPr>
              <a:t> være </a:t>
            </a:r>
            <a:r>
              <a:rPr lang="da-DK" sz="1400" b="1" dirty="0">
                <a:latin typeface="Helvetica"/>
                <a:cs typeface="Helvetica"/>
              </a:rPr>
              <a:t>oplæg</a:t>
            </a:r>
            <a:r>
              <a:rPr lang="da-DK" sz="1400" dirty="0">
                <a:latin typeface="Helvetica"/>
                <a:cs typeface="Helvetica"/>
              </a:rPr>
              <a:t> </a:t>
            </a:r>
            <a:r>
              <a:rPr lang="da-DK" sz="1400" b="1" dirty="0">
                <a:latin typeface="Helvetica"/>
                <a:cs typeface="Helvetica"/>
              </a:rPr>
              <a:t>til dialog </a:t>
            </a:r>
            <a:r>
              <a:rPr lang="da-DK" sz="1400" dirty="0">
                <a:latin typeface="Helvetica"/>
                <a:cs typeface="Helvetica"/>
              </a:rPr>
              <a:t>i arbejdsmiljøgruppen, og dertil findes en </a:t>
            </a:r>
            <a:r>
              <a:rPr lang="da-DK" sz="1400" b="1" dirty="0">
                <a:latin typeface="Helvetica"/>
                <a:cs typeface="Helvetica"/>
              </a:rPr>
              <a:t>obligatorisk skabelon</a:t>
            </a:r>
            <a:r>
              <a:rPr lang="da-DK" sz="1400" dirty="0">
                <a:latin typeface="Helvetica"/>
                <a:cs typeface="Helvetica"/>
              </a:rPr>
              <a:t>, der skal benyttes til referatet, men kun </a:t>
            </a:r>
            <a:r>
              <a:rPr lang="da-DK" sz="1400" b="1" dirty="0">
                <a:latin typeface="Helvetica"/>
                <a:cs typeface="Helvetica"/>
              </a:rPr>
              <a:t>udfordringer</a:t>
            </a:r>
            <a:r>
              <a:rPr lang="da-DK" sz="1400" dirty="0">
                <a:latin typeface="Helvetica"/>
                <a:cs typeface="Helvetica"/>
              </a:rPr>
              <a:t> som </a:t>
            </a:r>
            <a:r>
              <a:rPr lang="da-DK" sz="1400" b="1" dirty="0">
                <a:latin typeface="Helvetica"/>
                <a:cs typeface="Helvetica"/>
              </a:rPr>
              <a:t>ikke kan løses lokalt</a:t>
            </a:r>
            <a:r>
              <a:rPr lang="da-DK" sz="1400" dirty="0">
                <a:latin typeface="Helvetica"/>
                <a:cs typeface="Helvetica"/>
              </a:rPr>
              <a:t> bringes videre </a:t>
            </a:r>
            <a:r>
              <a:rPr lang="da-DK" sz="1400" b="1">
                <a:latin typeface="Helvetica"/>
                <a:cs typeface="Helvetica"/>
              </a:rPr>
              <a:t>til</a:t>
            </a:r>
            <a:r>
              <a:rPr lang="da-DK" sz="1400">
                <a:latin typeface="Helvetica"/>
                <a:cs typeface="Helvetica"/>
              </a:rPr>
              <a:t> </a:t>
            </a:r>
            <a:r>
              <a:rPr lang="da-DK" sz="1400" b="1">
                <a:latin typeface="Helvetica"/>
                <a:cs typeface="Helvetica"/>
              </a:rPr>
              <a:t>FAMU, CAMU</a:t>
            </a:r>
            <a:r>
              <a:rPr lang="da-DK" sz="1400">
                <a:latin typeface="Helvetica"/>
                <a:cs typeface="Helvetica"/>
              </a:rPr>
              <a:t> </a:t>
            </a:r>
            <a:r>
              <a:rPr lang="da-DK" sz="1400" dirty="0">
                <a:latin typeface="Helvetica"/>
                <a:cs typeface="Helvetica"/>
              </a:rPr>
              <a:t>el. </a:t>
            </a:r>
            <a:r>
              <a:rPr lang="da-DK" sz="1400" b="1" dirty="0">
                <a:latin typeface="Helvetica"/>
                <a:cs typeface="Helvetica"/>
              </a:rPr>
              <a:t>HOAMU</a:t>
            </a:r>
            <a:r>
              <a:rPr lang="da-DK" sz="1400" dirty="0">
                <a:latin typeface="Helvetica"/>
                <a:cs typeface="Helvetica"/>
              </a:rPr>
              <a:t>.</a:t>
            </a:r>
          </a:p>
          <a:p>
            <a:pPr marL="0" indent="0">
              <a:buNone/>
            </a:pPr>
            <a:endParaRPr lang="da-DK" sz="1400" dirty="0">
              <a:latin typeface="Helvetica"/>
              <a:cs typeface="Helvetica"/>
            </a:endParaRPr>
          </a:p>
          <a:p>
            <a:pPr marL="0" indent="0">
              <a:buNone/>
            </a:pPr>
            <a:r>
              <a:rPr lang="da-DK" sz="1400" b="1" dirty="0">
                <a:latin typeface="Helvetica"/>
                <a:cs typeface="Helvetica"/>
              </a:rPr>
              <a:t>Referatet</a:t>
            </a:r>
            <a:r>
              <a:rPr lang="da-DK" sz="1400" dirty="0">
                <a:latin typeface="Helvetica"/>
                <a:cs typeface="Helvetica"/>
              </a:rPr>
              <a:t> er arbejdsmiljøgruppens </a:t>
            </a:r>
            <a:r>
              <a:rPr lang="da-DK" sz="1400" b="1" dirty="0">
                <a:latin typeface="Helvetica"/>
                <a:cs typeface="Helvetica"/>
              </a:rPr>
              <a:t>dokumentation</a:t>
            </a:r>
            <a:r>
              <a:rPr lang="da-DK" sz="1400" dirty="0">
                <a:latin typeface="Helvetica"/>
                <a:cs typeface="Helvetica"/>
              </a:rPr>
              <a:t> for gennemførelse af den årlige drøftelse – derfor obligatorisk!</a:t>
            </a:r>
          </a:p>
          <a:p>
            <a:pPr marL="0" indent="0">
              <a:buNone/>
            </a:pPr>
            <a:endParaRPr lang="da-DK" sz="1400" dirty="0">
              <a:latin typeface="Helvetica"/>
              <a:cs typeface="Helvetica"/>
            </a:endParaRPr>
          </a:p>
          <a:p>
            <a:pPr marL="0" indent="0">
              <a:buNone/>
            </a:pPr>
            <a:r>
              <a:rPr lang="da-DK" sz="1400" dirty="0">
                <a:latin typeface="Helvetica"/>
                <a:cs typeface="Helvetica"/>
              </a:rPr>
              <a:t>Arbejdsmiljøgrupperne </a:t>
            </a:r>
            <a:r>
              <a:rPr lang="da-DK" sz="1400" b="1" dirty="0">
                <a:latin typeface="Helvetica"/>
                <a:cs typeface="Helvetica"/>
              </a:rPr>
              <a:t>opfordres</a:t>
            </a:r>
            <a:r>
              <a:rPr lang="da-DK" sz="1400" dirty="0">
                <a:latin typeface="Helvetica"/>
                <a:cs typeface="Helvetica"/>
              </a:rPr>
              <a:t> til at </a:t>
            </a:r>
            <a:r>
              <a:rPr lang="da-DK" sz="1400" b="1" dirty="0">
                <a:latin typeface="Helvetica"/>
                <a:cs typeface="Helvetica"/>
              </a:rPr>
              <a:t>orientere</a:t>
            </a:r>
            <a:r>
              <a:rPr lang="da-DK" sz="1400" dirty="0">
                <a:latin typeface="Helvetica"/>
                <a:cs typeface="Helvetica"/>
              </a:rPr>
              <a:t> medarbejdere og ledelsen om </a:t>
            </a:r>
            <a:r>
              <a:rPr lang="da-DK" sz="1400" b="1" dirty="0">
                <a:latin typeface="Helvetica"/>
                <a:cs typeface="Helvetica"/>
              </a:rPr>
              <a:t>væsentlige pointer </a:t>
            </a:r>
            <a:r>
              <a:rPr lang="da-DK" sz="1400" dirty="0">
                <a:latin typeface="Helvetica"/>
                <a:cs typeface="Helvetica"/>
              </a:rPr>
              <a:t>fra drøftelsen og </a:t>
            </a:r>
            <a:r>
              <a:rPr lang="da-DK" sz="1400" b="1" dirty="0">
                <a:latin typeface="Helvetica"/>
                <a:cs typeface="Helvetica"/>
              </a:rPr>
              <a:t>planen</a:t>
            </a:r>
            <a:r>
              <a:rPr lang="da-DK" sz="1400" dirty="0">
                <a:latin typeface="Helvetica"/>
                <a:cs typeface="Helvetica"/>
              </a:rPr>
              <a:t> for det kommende års arbejdsmiljøarbejde.</a:t>
            </a:r>
          </a:p>
          <a:p>
            <a:pPr marL="0" indent="0">
              <a:buNone/>
            </a:pPr>
            <a:endParaRPr lang="da-DK" sz="1400" dirty="0">
              <a:latin typeface="Helvetica"/>
              <a:cs typeface="Helvetica"/>
            </a:endParaRPr>
          </a:p>
          <a:p>
            <a:pPr marL="0" indent="0">
              <a:buNone/>
            </a:pPr>
            <a:r>
              <a:rPr lang="da-DK" sz="1400" b="1" dirty="0">
                <a:latin typeface="Helvetica"/>
                <a:cs typeface="Helvetica"/>
              </a:rPr>
              <a:t>Opgørelsen</a:t>
            </a:r>
            <a:r>
              <a:rPr lang="da-DK" sz="1400" dirty="0">
                <a:latin typeface="Helvetica"/>
                <a:cs typeface="Helvetica"/>
              </a:rPr>
              <a:t> </a:t>
            </a:r>
            <a:r>
              <a:rPr lang="da-DK" sz="1400" b="1" dirty="0">
                <a:latin typeface="Helvetica"/>
                <a:cs typeface="Helvetica"/>
              </a:rPr>
              <a:t>opdateres</a:t>
            </a:r>
            <a:r>
              <a:rPr lang="da-DK" sz="1400" dirty="0">
                <a:latin typeface="Helvetica"/>
                <a:cs typeface="Helvetica"/>
              </a:rPr>
              <a:t> </a:t>
            </a:r>
            <a:r>
              <a:rPr lang="da-DK" sz="1400" b="1" dirty="0">
                <a:latin typeface="Helvetica"/>
                <a:cs typeface="Helvetica"/>
              </a:rPr>
              <a:t>centralt én gang årligt</a:t>
            </a:r>
            <a:r>
              <a:rPr lang="da-DK" sz="1400" dirty="0">
                <a:latin typeface="Helvetica"/>
                <a:cs typeface="Helvetica"/>
              </a:rPr>
              <a:t>, mens </a:t>
            </a:r>
            <a:r>
              <a:rPr lang="da-DK" sz="1400" b="1" dirty="0">
                <a:latin typeface="Helvetica"/>
                <a:cs typeface="Helvetica"/>
              </a:rPr>
              <a:t>løbende</a:t>
            </a:r>
            <a:r>
              <a:rPr lang="da-DK" sz="1400" dirty="0">
                <a:latin typeface="Helvetica"/>
                <a:cs typeface="Helvetica"/>
              </a:rPr>
              <a:t> opdatering </a:t>
            </a:r>
            <a:r>
              <a:rPr lang="da-DK" sz="1400" b="1" dirty="0">
                <a:latin typeface="Helvetica"/>
                <a:cs typeface="Helvetica"/>
              </a:rPr>
              <a:t>påhviler arbejdsmiljøgrupperne </a:t>
            </a:r>
            <a:r>
              <a:rPr lang="da-DK" sz="1400" dirty="0">
                <a:latin typeface="Helvetica"/>
                <a:cs typeface="Helvetica"/>
              </a:rPr>
              <a:t>(procedure for løbende opdatering meldes ud senere).</a:t>
            </a:r>
            <a:br>
              <a:rPr lang="da-DK" sz="1400" dirty="0">
                <a:latin typeface="Helvetica"/>
                <a:cs typeface="Helvetica"/>
              </a:rPr>
            </a:br>
            <a:endParaRPr lang="da-DK" sz="1400" dirty="0">
              <a:latin typeface="Helvetica"/>
              <a:cs typeface="Helvetica"/>
            </a:endParaRPr>
          </a:p>
          <a:p>
            <a:pPr marL="0" indent="0">
              <a:buNone/>
            </a:pPr>
            <a:r>
              <a:rPr lang="da-DK" sz="1400" dirty="0">
                <a:latin typeface="Helvetica"/>
                <a:cs typeface="Helvetica"/>
              </a:rPr>
              <a:t>På SDU HR’s service side under arbejdsmiljø: </a:t>
            </a:r>
            <a:r>
              <a:rPr lang="da-DK" sz="1400" dirty="0">
                <a:latin typeface="Helvetica"/>
                <a:cs typeface="Helvetica"/>
                <a:hlinkClick r:id="rId4">
                  <a:extLst>
                    <a:ext uri="{A12FA001-AC4F-418D-AE19-62706E023703}">
                      <ahyp:hlinkClr xmlns:ahyp="http://schemas.microsoft.com/office/drawing/2018/hyperlinkcolor" val="tx"/>
                    </a:ext>
                  </a:extLst>
                </a:hlinkClick>
              </a:rPr>
              <a:t>www.sdunet.dk/arbejdsmiljoe</a:t>
            </a:r>
            <a:r>
              <a:rPr lang="da-DK" sz="1400" dirty="0">
                <a:latin typeface="Helvetica"/>
                <a:cs typeface="Helvetica"/>
              </a:rPr>
              <a:t> - den årlige arbejdsmiljødrøftelse, findes </a:t>
            </a:r>
            <a:r>
              <a:rPr lang="da-DK" sz="1400" b="1" dirty="0">
                <a:latin typeface="Helvetica"/>
                <a:cs typeface="Helvetica"/>
              </a:rPr>
              <a:t>relevant materiale </a:t>
            </a:r>
            <a:r>
              <a:rPr lang="da-DK" sz="1400" dirty="0">
                <a:latin typeface="Helvetica"/>
                <a:cs typeface="Helvetica"/>
              </a:rPr>
              <a:t>til drøftelsen.</a:t>
            </a:r>
          </a:p>
          <a:p>
            <a:pPr marL="0" indent="0">
              <a:buNone/>
            </a:pPr>
            <a:endParaRPr lang="da-DK" dirty="0">
              <a:solidFill>
                <a:srgbClr val="354450"/>
              </a:solidFill>
              <a:latin typeface="Helvetica"/>
              <a:cs typeface="Arial"/>
            </a:endParaRPr>
          </a:p>
          <a:p>
            <a:endParaRPr lang="da-DK" dirty="0"/>
          </a:p>
        </p:txBody>
      </p:sp>
      <p:sp>
        <p:nvSpPr>
          <p:cNvPr id="5" name="Pladsholder til dato 4">
            <a:extLst>
              <a:ext uri="{FF2B5EF4-FFF2-40B4-BE49-F238E27FC236}">
                <a16:creationId xmlns:a16="http://schemas.microsoft.com/office/drawing/2014/main" id="{B06582FD-ECB7-1901-3A7D-25B61586A26D}"/>
              </a:ext>
            </a:extLst>
          </p:cNvPr>
          <p:cNvSpPr>
            <a:spLocks noGrp="1"/>
          </p:cNvSpPr>
          <p:nvPr>
            <p:ph type="dt" sz="half" idx="16"/>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09277C2D-1C11-489B-929F-C46A74ABC9D9}"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06-03-2026</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6" name="Pladsholder til slidenummer 5">
            <a:extLst>
              <a:ext uri="{FF2B5EF4-FFF2-40B4-BE49-F238E27FC236}">
                <a16:creationId xmlns:a16="http://schemas.microsoft.com/office/drawing/2014/main" id="{C8B9B604-042A-B336-7C89-FE7C68683C13}"/>
              </a:ext>
            </a:extLst>
          </p:cNvPr>
          <p:cNvSpPr>
            <a:spLocks noGrp="1"/>
          </p:cNvSpPr>
          <p:nvPr>
            <p:ph type="sldNum" sz="quarter" idx="18"/>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a:t>
            </a:fld>
            <a:endParaRPr kumimoji="0" lang="da-DK" sz="100" b="0" i="0" u="none" strike="noStrike" kern="1200" cap="none" spc="0" normalizeH="0" baseline="0" noProof="0" dirty="0">
              <a:ln>
                <a:noFill/>
              </a:ln>
              <a:noFill/>
              <a:effectLst/>
              <a:uLnTx/>
              <a:uFillTx/>
              <a:latin typeface="Arial"/>
              <a:ea typeface="+mn-ea"/>
              <a:cs typeface="+mn-cs"/>
            </a:endParaRPr>
          </a:p>
        </p:txBody>
      </p:sp>
      <p:pic>
        <p:nvPicPr>
          <p:cNvPr id="7" name="Billede 6">
            <a:extLst>
              <a:ext uri="{FF2B5EF4-FFF2-40B4-BE49-F238E27FC236}">
                <a16:creationId xmlns:a16="http://schemas.microsoft.com/office/drawing/2014/main" id="{8E05564E-808D-ABAF-7A92-39C1900A5C5E}"/>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10752796" y="5480685"/>
            <a:ext cx="1377315" cy="1377315"/>
          </a:xfrm>
          <a:prstGeom prst="rect">
            <a:avLst/>
          </a:prstGeom>
        </p:spPr>
      </p:pic>
    </p:spTree>
    <p:extLst>
      <p:ext uri="{BB962C8B-B14F-4D97-AF65-F5344CB8AC3E}">
        <p14:creationId xmlns:p14="http://schemas.microsoft.com/office/powerpoint/2010/main" val="2315879265"/>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3.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F2BDC5D3B7E16C4DAC3504EBE4BF77BE" ma:contentTypeVersion="3" ma:contentTypeDescription="Opret et nyt dokument." ma:contentTypeScope="" ma:versionID="e3342c864c6ad351858f8bfa54941439">
  <xsd:schema xmlns:xsd="http://www.w3.org/2001/XMLSchema" xmlns:xs="http://www.w3.org/2001/XMLSchema" xmlns:p="http://schemas.microsoft.com/office/2006/metadata/properties" xmlns:ns2="3e97341e-f767-4d2b-90c9-641cda6c81c6" targetNamespace="http://schemas.microsoft.com/office/2006/metadata/properties" ma:root="true" ma:fieldsID="9a32d9523c089c77f52d91bd727f23a4" ns2:_="">
    <xsd:import namespace="3e97341e-f767-4d2b-90c9-641cda6c81c6"/>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e97341e-f767-4d2b-90c9-641cda6c81c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484C70F-0F64-4774-853F-19FDF7E1F81D}">
  <ds:schemaRefs/>
</ds:datastoreItem>
</file>

<file path=customXml/itemProps2.xml><?xml version="1.0" encoding="utf-8"?>
<ds:datastoreItem xmlns:ds="http://schemas.openxmlformats.org/officeDocument/2006/customXml" ds:itemID="{C5CD5A01-6378-494D-B71B-D23DEC9A120C}">
  <ds:schemaRefs/>
</ds:datastoreItem>
</file>

<file path=customXml/itemProps3.xml><?xml version="1.0" encoding="utf-8"?>
<ds:datastoreItem xmlns:ds="http://schemas.openxmlformats.org/officeDocument/2006/customXml" ds:itemID="{BA8B139F-C881-40CC-B6F0-8E3AACF8371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e97341e-f767-4d2b-90c9-641cda6c81c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C5BF8C0-D522-48AB-8B06-BFF20929394B}">
  <ds:schemaRefs>
    <ds:schemaRef ds:uri="http://schemas.microsoft.com/office/2006/metadata/properties"/>
    <ds:schemaRef ds:uri="http://purl.org/dc/terms/"/>
    <ds:schemaRef ds:uri="http://schemas.openxmlformats.org/package/2006/metadata/core-properties"/>
    <ds:schemaRef ds:uri="http://purl.org/dc/dcmitype/"/>
    <ds:schemaRef ds:uri="http://schemas.microsoft.com/office/2006/documentManagement/types"/>
    <ds:schemaRef ds:uri="http://schemas.microsoft.com/office/infopath/2007/PartnerControls"/>
    <ds:schemaRef ds:uri="http://purl.org/dc/elements/1.1/"/>
    <ds:schemaRef ds:uri="3e97341e-f767-4d2b-90c9-641cda6c81c6"/>
    <ds:schemaRef ds:uri="http://www.w3.org/XML/1998/namespace"/>
  </ds:schemaRefs>
</ds:datastoreItem>
</file>

<file path=customXml/itemProps5.xml><?xml version="1.0" encoding="utf-8"?>
<ds:datastoreItem xmlns:ds="http://schemas.openxmlformats.org/officeDocument/2006/customXml" ds:itemID="{C7CF39B6-AE0C-4098-8E4B-10121B59124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319</TotalTime>
  <Words>492</Words>
  <Application>Microsoft Office PowerPoint</Application>
  <PresentationFormat>Widescreen</PresentationFormat>
  <Paragraphs>35</Paragraphs>
  <Slides>2</Slides>
  <Notes>1</Notes>
  <HiddenSlides>0</HiddenSlides>
  <MMClips>0</MMClips>
  <ScaleCrop>false</ScaleCrop>
  <HeadingPairs>
    <vt:vector size="6" baseType="variant">
      <vt:variant>
        <vt:lpstr>Benyttede skrifttyper</vt:lpstr>
      </vt:variant>
      <vt:variant>
        <vt:i4>3</vt:i4>
      </vt:variant>
      <vt:variant>
        <vt:lpstr>Tema</vt:lpstr>
      </vt:variant>
      <vt:variant>
        <vt:i4>2</vt:i4>
      </vt:variant>
      <vt:variant>
        <vt:lpstr>Slidetitler</vt:lpstr>
      </vt:variant>
      <vt:variant>
        <vt:i4>2</vt:i4>
      </vt:variant>
    </vt:vector>
  </HeadingPairs>
  <TitlesOfParts>
    <vt:vector size="7" baseType="lpstr">
      <vt:lpstr>Arial</vt:lpstr>
      <vt:lpstr>Helvetica</vt:lpstr>
      <vt:lpstr>Wingdings</vt:lpstr>
      <vt:lpstr>Blank</vt:lpstr>
      <vt:lpstr>SDU</vt:lpstr>
      <vt:lpstr>Den årlige arbejdsmiljødrøftelse </vt:lpstr>
      <vt:lpstr>Nye rammer for drøftelse</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en årlige arbejdsmiljødrøftelse</dc:title>
  <dc:subject/>
  <dc:creator>Luise Thuesen Marling</dc:creator>
  <cp:keywords/>
  <dc:description/>
  <cp:lastModifiedBy>Luise Thuesen Marling</cp:lastModifiedBy>
  <cp:revision>33</cp:revision>
  <dcterms:created xsi:type="dcterms:W3CDTF">2023-04-17T10:41:40Z</dcterms:created>
  <dcterms:modified xsi:type="dcterms:W3CDTF">2026-03-06T07:27:4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3140992867</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F2BDC5D3B7E16C4DAC3504EBE4BF77BE</vt:lpwstr>
  </property>
  <property fmtid="{D5CDD505-2E9C-101B-9397-08002B2CF9AE}" pid="9" name="MediaServiceImageTags">
    <vt:lpwstr/>
  </property>
</Properties>
</file>